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58" y="-80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9/1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27341" y="286977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977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ct 10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38801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331" y="5210388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</a:t>
            </a:r>
            <a:r>
              <a:rPr lang="en-GB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Ew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9-16T08:58:39Z</dcterms:modified>
</cp:coreProperties>
</file>